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6_税財政データ集\R2年度\02_財政グループ分\"/>
    </mc:Choice>
  </mc:AlternateContent>
  <bookViews>
    <workbookView xWindow="0" yWindow="0" windowWidth="20400" windowHeight="7236"/>
  </bookViews>
  <sheets>
    <sheet name="14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4'!$A$1:$J$39</definedName>
    <definedName name="_xlnm.Print_Titles" localSheetId="0">'14'!$A:$A</definedName>
  </definedNames>
  <calcPr calcId="152511"/>
</workbook>
</file>

<file path=xl/calcChain.xml><?xml version="1.0" encoding="utf-8"?>
<calcChain xmlns="http://schemas.openxmlformats.org/spreadsheetml/2006/main">
  <c r="C39" i="1" l="1"/>
  <c r="D39" i="1"/>
  <c r="E39" i="1"/>
  <c r="F39" i="1"/>
  <c r="G39" i="1"/>
  <c r="H39" i="1"/>
  <c r="I39" i="1"/>
  <c r="J39" i="1"/>
  <c r="B39" i="1"/>
</calcChain>
</file>

<file path=xl/sharedStrings.xml><?xml version="1.0" encoding="utf-8"?>
<sst xmlns="http://schemas.openxmlformats.org/spreadsheetml/2006/main" count="55" uniqueCount="55">
  <si>
    <t>Ｄの財源内訳</t>
    <rPh sb="2" eb="4">
      <t>ザイゲン</t>
    </rPh>
    <rPh sb="4" eb="6">
      <t>ウチワケ</t>
    </rPh>
    <phoneticPr fontId="0"/>
  </si>
  <si>
    <t>現在高</t>
    <rPh sb="0" eb="2">
      <t>ゲンザイ</t>
    </rPh>
    <rPh sb="2" eb="3">
      <t>ダカ</t>
    </rPh>
    <phoneticPr fontId="0"/>
  </si>
  <si>
    <t>発行額</t>
    <rPh sb="0" eb="3">
      <t>ハッコウガク</t>
    </rPh>
    <phoneticPr fontId="0"/>
  </si>
  <si>
    <t>元金</t>
    <rPh sb="0" eb="2">
      <t>ガンキン</t>
    </rPh>
    <phoneticPr fontId="0"/>
  </si>
  <si>
    <t>利子</t>
    <rPh sb="0" eb="2">
      <t>リシ</t>
    </rPh>
    <phoneticPr fontId="0"/>
  </si>
  <si>
    <t>計</t>
    <rPh sb="0" eb="1">
      <t>ケイ</t>
    </rPh>
    <phoneticPr fontId="0"/>
  </si>
  <si>
    <t>特定財源</t>
    <rPh sb="0" eb="2">
      <t>トクテイ</t>
    </rPh>
    <rPh sb="2" eb="4">
      <t>ザイゲン</t>
    </rPh>
    <phoneticPr fontId="0"/>
  </si>
  <si>
    <t>一般財源等</t>
    <rPh sb="0" eb="2">
      <t>イッパン</t>
    </rPh>
    <rPh sb="2" eb="4">
      <t>ザイゲン</t>
    </rPh>
    <rPh sb="4" eb="5">
      <t>トウ</t>
    </rPh>
    <phoneticPr fontId="0"/>
  </si>
  <si>
    <t>財源対策債</t>
  </si>
  <si>
    <t>現在高</t>
    <rPh sb="0" eb="2">
      <t>ゲンザイ</t>
    </rPh>
    <rPh sb="2" eb="3">
      <t>タカ</t>
    </rPh>
    <phoneticPr fontId="2"/>
  </si>
  <si>
    <t>Ａ</t>
  </si>
  <si>
    <t>Ｂ</t>
  </si>
  <si>
    <t>Ｃ</t>
  </si>
  <si>
    <t>Ｄ</t>
  </si>
  <si>
    <t>Ａ＋Ｂ－Ｃ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現在高</t>
    <phoneticPr fontId="2"/>
  </si>
  <si>
    <t>平成30年度末</t>
    <rPh sb="0" eb="2">
      <t>ヘイセイ</t>
    </rPh>
    <rPh sb="4" eb="7">
      <t>ネンドマツ</t>
    </rPh>
    <phoneticPr fontId="0"/>
  </si>
  <si>
    <t>令和元年度</t>
    <rPh sb="0" eb="2">
      <t>レイワ</t>
    </rPh>
    <rPh sb="2" eb="3">
      <t>ガン</t>
    </rPh>
    <rPh sb="3" eb="5">
      <t>ネンド</t>
    </rPh>
    <phoneticPr fontId="0"/>
  </si>
  <si>
    <t>令和元年度元利償還額</t>
    <rPh sb="0" eb="2">
      <t>レイワ</t>
    </rPh>
    <rPh sb="2" eb="3">
      <t>ガン</t>
    </rPh>
    <rPh sb="3" eb="5">
      <t>ネンド</t>
    </rPh>
    <rPh sb="5" eb="7">
      <t>ガンリ</t>
    </rPh>
    <rPh sb="7" eb="10">
      <t>ショウカンガク</t>
    </rPh>
    <phoneticPr fontId="0"/>
  </si>
  <si>
    <t>令和元年度末</t>
    <rPh sb="0" eb="2">
      <t>レイワ</t>
    </rPh>
    <rPh sb="2" eb="3">
      <t>ガン</t>
    </rPh>
    <rPh sb="5" eb="6">
      <t>マツ</t>
    </rPh>
    <phoneticPr fontId="1"/>
  </si>
  <si>
    <t>令和元年度末</t>
    <rPh sb="0" eb="2">
      <t>レイワ</t>
    </rPh>
    <rPh sb="2" eb="3">
      <t>ガン</t>
    </rPh>
    <rPh sb="3" eb="6">
      <t>ネンドマツ</t>
    </rPh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5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4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176" fontId="3" fillId="0" borderId="5" xfId="0" applyNumberFormat="1" applyFont="1" applyBorder="1" applyAlignment="1">
      <alignment vertical="center" shrinkToFit="1"/>
    </xf>
    <xf numFmtId="176" fontId="3" fillId="0" borderId="0" xfId="0" applyNumberFormat="1" applyFont="1" applyAlignment="1">
      <alignment vertical="center" shrinkToFit="1"/>
    </xf>
    <xf numFmtId="0" fontId="3" fillId="0" borderId="6" xfId="0" applyFont="1" applyBorder="1" applyAlignment="1">
      <alignment horizontal="center" vertical="center"/>
    </xf>
    <xf numFmtId="176" fontId="3" fillId="0" borderId="6" xfId="0" applyNumberFormat="1" applyFont="1" applyBorder="1" applyAlignment="1">
      <alignment vertical="center" shrinkToFit="1"/>
    </xf>
    <xf numFmtId="176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0" fontId="3" fillId="2" borderId="2" xfId="0" applyFont="1" applyFill="1" applyBorder="1" applyAlignment="1">
      <alignment horizontal="center" vertical="center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0" xfId="0" applyFont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176" fontId="3" fillId="0" borderId="8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K39"/>
  <sheetViews>
    <sheetView tabSelected="1" zoomScaleNormal="100" zoomScaleSheetLayoutView="100" workbookViewId="0"/>
  </sheetViews>
  <sheetFormatPr defaultColWidth="9.3984375" defaultRowHeight="10.8"/>
  <cols>
    <col min="1" max="1" width="14.09765625" style="17" customWidth="1"/>
    <col min="2" max="16384" width="9.3984375" style="9"/>
  </cols>
  <sheetData>
    <row r="1" spans="1:11" s="3" customFormat="1" ht="17.25" customHeight="1">
      <c r="A1" s="1"/>
      <c r="B1" s="1"/>
      <c r="C1" s="1"/>
      <c r="D1" s="2" t="s">
        <v>52</v>
      </c>
      <c r="E1" s="2"/>
      <c r="F1" s="2"/>
      <c r="G1" s="2" t="s">
        <v>0</v>
      </c>
      <c r="H1" s="2"/>
      <c r="I1" s="1"/>
      <c r="J1" s="1"/>
    </row>
    <row r="2" spans="1:11" s="3" customFormat="1" ht="17.25" customHeight="1">
      <c r="A2" s="4"/>
      <c r="B2" s="4" t="s">
        <v>50</v>
      </c>
      <c r="C2" s="4" t="s">
        <v>51</v>
      </c>
      <c r="D2" s="4"/>
      <c r="E2" s="4"/>
      <c r="F2" s="4"/>
      <c r="G2" s="1"/>
      <c r="H2" s="1"/>
      <c r="I2" s="4" t="s">
        <v>53</v>
      </c>
      <c r="J2" s="4" t="s">
        <v>54</v>
      </c>
    </row>
    <row r="3" spans="1:11" s="3" customFormat="1" ht="17.25" customHeight="1">
      <c r="A3" s="4"/>
      <c r="B3" s="4" t="s">
        <v>1</v>
      </c>
      <c r="C3" s="4" t="s">
        <v>2</v>
      </c>
      <c r="D3" s="4" t="s">
        <v>3</v>
      </c>
      <c r="E3" s="4" t="s">
        <v>4</v>
      </c>
      <c r="F3" s="4" t="s">
        <v>5</v>
      </c>
      <c r="G3" s="4" t="s">
        <v>6</v>
      </c>
      <c r="H3" s="4" t="s">
        <v>7</v>
      </c>
      <c r="I3" s="4" t="s">
        <v>49</v>
      </c>
      <c r="J3" s="5" t="s">
        <v>8</v>
      </c>
    </row>
    <row r="4" spans="1:11" s="3" customFormat="1" ht="17.25" customHeight="1">
      <c r="A4" s="4"/>
      <c r="B4" s="4"/>
      <c r="C4" s="4"/>
      <c r="D4" s="4"/>
      <c r="E4" s="4"/>
      <c r="F4" s="4"/>
      <c r="G4" s="4"/>
      <c r="H4" s="4"/>
      <c r="I4" s="4"/>
      <c r="J4" s="4" t="s">
        <v>9</v>
      </c>
    </row>
    <row r="5" spans="1:11" s="3" customFormat="1" ht="17.25" customHeight="1">
      <c r="A5" s="6"/>
      <c r="B5" s="6" t="s">
        <v>10</v>
      </c>
      <c r="C5" s="6" t="s">
        <v>11</v>
      </c>
      <c r="D5" s="6" t="s">
        <v>12</v>
      </c>
      <c r="E5" s="6"/>
      <c r="F5" s="6" t="s">
        <v>13</v>
      </c>
      <c r="G5" s="6"/>
      <c r="H5" s="6"/>
      <c r="I5" s="6" t="s">
        <v>14</v>
      </c>
      <c r="J5" s="6"/>
    </row>
    <row r="6" spans="1:11" ht="17.25" customHeight="1">
      <c r="A6" s="7" t="s">
        <v>15</v>
      </c>
      <c r="B6" s="8">
        <v>2379038652</v>
      </c>
      <c r="C6" s="8">
        <v>185781487</v>
      </c>
      <c r="D6" s="8">
        <v>172176407</v>
      </c>
      <c r="E6" s="8">
        <v>27052446</v>
      </c>
      <c r="F6" s="8">
        <v>199228853</v>
      </c>
      <c r="G6" s="8">
        <v>23425324</v>
      </c>
      <c r="H6" s="8">
        <v>175803529</v>
      </c>
      <c r="I6" s="8">
        <v>2392643732</v>
      </c>
      <c r="J6" s="8">
        <v>84600310</v>
      </c>
    </row>
    <row r="7" spans="1:11" s="12" customFormat="1" ht="17.25" customHeight="1">
      <c r="A7" s="10" t="s">
        <v>16</v>
      </c>
      <c r="B7" s="11">
        <v>814670809</v>
      </c>
      <c r="C7" s="11">
        <v>47541200</v>
      </c>
      <c r="D7" s="11">
        <v>59966203</v>
      </c>
      <c r="E7" s="11">
        <v>11304501</v>
      </c>
      <c r="F7" s="11">
        <v>71270704</v>
      </c>
      <c r="G7" s="11">
        <v>2736281</v>
      </c>
      <c r="H7" s="11">
        <v>68534423</v>
      </c>
      <c r="I7" s="11">
        <v>802245806</v>
      </c>
      <c r="J7" s="11">
        <v>54437076</v>
      </c>
      <c r="K7" s="9"/>
    </row>
    <row r="8" spans="1:11" ht="17.25" customHeight="1">
      <c r="A8" s="18" t="s">
        <v>17</v>
      </c>
      <c r="B8" s="19">
        <v>269916692</v>
      </c>
      <c r="C8" s="19">
        <v>27865300</v>
      </c>
      <c r="D8" s="19">
        <v>25541899</v>
      </c>
      <c r="E8" s="19">
        <v>1823895</v>
      </c>
      <c r="F8" s="19">
        <v>27365794</v>
      </c>
      <c r="G8" s="19">
        <v>369131</v>
      </c>
      <c r="H8" s="19">
        <v>26996663</v>
      </c>
      <c r="I8" s="19">
        <v>272240093</v>
      </c>
      <c r="J8" s="19">
        <v>684472</v>
      </c>
    </row>
    <row r="9" spans="1:11" ht="17.25" customHeight="1">
      <c r="A9" s="10" t="s">
        <v>18</v>
      </c>
      <c r="B9" s="11">
        <v>178835506</v>
      </c>
      <c r="C9" s="11">
        <v>23486068</v>
      </c>
      <c r="D9" s="11">
        <v>16125109</v>
      </c>
      <c r="E9" s="11">
        <v>997024</v>
      </c>
      <c r="F9" s="11">
        <v>17122133</v>
      </c>
      <c r="G9" s="11">
        <v>297516</v>
      </c>
      <c r="H9" s="11">
        <v>16824617</v>
      </c>
      <c r="I9" s="11">
        <v>186196465</v>
      </c>
      <c r="J9" s="11">
        <v>6010454</v>
      </c>
    </row>
    <row r="10" spans="1:11" s="12" customFormat="1" ht="17.25" customHeight="1">
      <c r="A10" s="10" t="s">
        <v>19</v>
      </c>
      <c r="B10" s="11">
        <v>54242623</v>
      </c>
      <c r="C10" s="11">
        <v>5217352</v>
      </c>
      <c r="D10" s="11">
        <v>5023650</v>
      </c>
      <c r="E10" s="11">
        <v>309030</v>
      </c>
      <c r="F10" s="11">
        <v>5332680</v>
      </c>
      <c r="G10" s="11">
        <v>109947</v>
      </c>
      <c r="H10" s="11">
        <v>5222733</v>
      </c>
      <c r="I10" s="11">
        <v>54436325</v>
      </c>
      <c r="J10" s="11">
        <v>1133276</v>
      </c>
      <c r="K10" s="9"/>
    </row>
    <row r="11" spans="1:11" s="12" customFormat="1" ht="17.25" customHeight="1">
      <c r="A11" s="10" t="s">
        <v>20</v>
      </c>
      <c r="B11" s="11">
        <v>38060234</v>
      </c>
      <c r="C11" s="11">
        <v>2072800</v>
      </c>
      <c r="D11" s="11">
        <v>4194565</v>
      </c>
      <c r="E11" s="11">
        <v>272961</v>
      </c>
      <c r="F11" s="11">
        <v>4467526</v>
      </c>
      <c r="G11" s="11">
        <v>110768</v>
      </c>
      <c r="H11" s="11">
        <v>4356758</v>
      </c>
      <c r="I11" s="11">
        <v>35938469</v>
      </c>
      <c r="J11" s="11">
        <v>1234886</v>
      </c>
      <c r="K11" s="9"/>
    </row>
    <row r="12" spans="1:11" s="12" customFormat="1" ht="17.25" customHeight="1">
      <c r="A12" s="10" t="s">
        <v>21</v>
      </c>
      <c r="B12" s="11">
        <v>77259908</v>
      </c>
      <c r="C12" s="11">
        <v>10541900</v>
      </c>
      <c r="D12" s="11">
        <v>8382093</v>
      </c>
      <c r="E12" s="11">
        <v>429949</v>
      </c>
      <c r="F12" s="11">
        <v>8812042</v>
      </c>
      <c r="G12" s="11">
        <v>0</v>
      </c>
      <c r="H12" s="11">
        <v>8812042</v>
      </c>
      <c r="I12" s="11">
        <v>79419715</v>
      </c>
      <c r="J12" s="11">
        <v>4329610</v>
      </c>
      <c r="K12" s="9"/>
    </row>
    <row r="13" spans="1:11" s="12" customFormat="1" ht="17.25" customHeight="1">
      <c r="A13" s="10" t="s">
        <v>22</v>
      </c>
      <c r="B13" s="11">
        <v>52117087</v>
      </c>
      <c r="C13" s="11">
        <v>7876069</v>
      </c>
      <c r="D13" s="11">
        <v>4340207</v>
      </c>
      <c r="E13" s="11">
        <v>256595</v>
      </c>
      <c r="F13" s="11">
        <v>4596802</v>
      </c>
      <c r="G13" s="11">
        <v>228841</v>
      </c>
      <c r="H13" s="11">
        <v>4367961</v>
      </c>
      <c r="I13" s="11">
        <v>55652949</v>
      </c>
      <c r="J13" s="11">
        <v>388273</v>
      </c>
      <c r="K13" s="9"/>
    </row>
    <row r="14" spans="1:11" s="12" customFormat="1" ht="17.25" customHeight="1">
      <c r="A14" s="10" t="s">
        <v>23</v>
      </c>
      <c r="B14" s="11">
        <v>64422198</v>
      </c>
      <c r="C14" s="11">
        <v>5479898</v>
      </c>
      <c r="D14" s="11">
        <v>4181026</v>
      </c>
      <c r="E14" s="11">
        <v>348099</v>
      </c>
      <c r="F14" s="11">
        <v>4529125</v>
      </c>
      <c r="G14" s="11">
        <v>0</v>
      </c>
      <c r="H14" s="11">
        <v>4529125</v>
      </c>
      <c r="I14" s="11">
        <v>65721070</v>
      </c>
      <c r="J14" s="11">
        <v>2094594</v>
      </c>
      <c r="K14" s="9"/>
    </row>
    <row r="15" spans="1:11" s="12" customFormat="1" ht="17.25" customHeight="1">
      <c r="A15" s="10" t="s">
        <v>24</v>
      </c>
      <c r="B15" s="11">
        <v>19136598</v>
      </c>
      <c r="C15" s="11">
        <v>968691</v>
      </c>
      <c r="D15" s="11">
        <v>1794515</v>
      </c>
      <c r="E15" s="11">
        <v>109816</v>
      </c>
      <c r="F15" s="11">
        <v>1904331</v>
      </c>
      <c r="G15" s="11">
        <v>27332</v>
      </c>
      <c r="H15" s="11">
        <v>1876999</v>
      </c>
      <c r="I15" s="11">
        <v>18310774</v>
      </c>
      <c r="J15" s="11">
        <v>513534</v>
      </c>
      <c r="K15" s="9"/>
    </row>
    <row r="16" spans="1:11" s="12" customFormat="1" ht="17.25" customHeight="1">
      <c r="A16" s="10" t="s">
        <v>25</v>
      </c>
      <c r="B16" s="11">
        <v>25316746</v>
      </c>
      <c r="C16" s="11">
        <v>3170450</v>
      </c>
      <c r="D16" s="11">
        <v>1868739</v>
      </c>
      <c r="E16" s="11">
        <v>278547</v>
      </c>
      <c r="F16" s="11">
        <v>2147286</v>
      </c>
      <c r="G16" s="11">
        <v>81517</v>
      </c>
      <c r="H16" s="11">
        <v>2065769</v>
      </c>
      <c r="I16" s="11">
        <v>26618457</v>
      </c>
      <c r="J16" s="11">
        <v>769390</v>
      </c>
      <c r="K16" s="9"/>
    </row>
    <row r="17" spans="1:11" s="12" customFormat="1" ht="17.25" customHeight="1">
      <c r="A17" s="10" t="s">
        <v>26</v>
      </c>
      <c r="B17" s="11">
        <v>33987393</v>
      </c>
      <c r="C17" s="11">
        <v>3742000</v>
      </c>
      <c r="D17" s="11">
        <v>3071077</v>
      </c>
      <c r="E17" s="11">
        <v>149457</v>
      </c>
      <c r="F17" s="11">
        <v>3220534</v>
      </c>
      <c r="G17" s="11">
        <v>20920</v>
      </c>
      <c r="H17" s="11">
        <v>3199614</v>
      </c>
      <c r="I17" s="11">
        <v>34658316</v>
      </c>
      <c r="J17" s="11">
        <v>45513</v>
      </c>
      <c r="K17" s="9"/>
    </row>
    <row r="18" spans="1:11" s="12" customFormat="1" ht="17.25" customHeight="1">
      <c r="A18" s="10" t="s">
        <v>27</v>
      </c>
      <c r="B18" s="11">
        <v>52723593</v>
      </c>
      <c r="C18" s="11">
        <v>8036100</v>
      </c>
      <c r="D18" s="11">
        <v>5692389</v>
      </c>
      <c r="E18" s="11">
        <v>309658</v>
      </c>
      <c r="F18" s="11">
        <v>6002047</v>
      </c>
      <c r="G18" s="11">
        <v>292257</v>
      </c>
      <c r="H18" s="11">
        <v>5709790</v>
      </c>
      <c r="I18" s="11">
        <v>55067304</v>
      </c>
      <c r="J18" s="11">
        <v>1614628</v>
      </c>
      <c r="K18" s="9"/>
    </row>
    <row r="19" spans="1:11" s="12" customFormat="1" ht="17.25" customHeight="1">
      <c r="A19" s="10" t="s">
        <v>28</v>
      </c>
      <c r="B19" s="11">
        <v>55489531</v>
      </c>
      <c r="C19" s="11">
        <v>5358000</v>
      </c>
      <c r="D19" s="11">
        <v>4643533</v>
      </c>
      <c r="E19" s="11">
        <v>341076</v>
      </c>
      <c r="F19" s="11">
        <v>4984609</v>
      </c>
      <c r="G19" s="11">
        <v>82707</v>
      </c>
      <c r="H19" s="11">
        <v>4901902</v>
      </c>
      <c r="I19" s="11">
        <v>56203998</v>
      </c>
      <c r="J19" s="11">
        <v>3340909</v>
      </c>
      <c r="K19" s="9"/>
    </row>
    <row r="20" spans="1:11" s="12" customFormat="1" ht="17.25" customHeight="1">
      <c r="A20" s="10" t="s">
        <v>29</v>
      </c>
      <c r="B20" s="11">
        <v>23482524</v>
      </c>
      <c r="C20" s="11">
        <v>2716100</v>
      </c>
      <c r="D20" s="11">
        <v>2647965</v>
      </c>
      <c r="E20" s="11">
        <v>147239</v>
      </c>
      <c r="F20" s="11">
        <v>2795204</v>
      </c>
      <c r="G20" s="11">
        <v>3429</v>
      </c>
      <c r="H20" s="11">
        <v>2791775</v>
      </c>
      <c r="I20" s="11">
        <v>23550659</v>
      </c>
      <c r="J20" s="11">
        <v>949777</v>
      </c>
      <c r="K20" s="9"/>
    </row>
    <row r="21" spans="1:11" s="12" customFormat="1" ht="17.25" customHeight="1">
      <c r="A21" s="10" t="s">
        <v>30</v>
      </c>
      <c r="B21" s="11">
        <v>27081345</v>
      </c>
      <c r="C21" s="11">
        <v>2639400</v>
      </c>
      <c r="D21" s="11">
        <v>2412227</v>
      </c>
      <c r="E21" s="11">
        <v>177963</v>
      </c>
      <c r="F21" s="11">
        <v>2590190</v>
      </c>
      <c r="G21" s="11">
        <v>0</v>
      </c>
      <c r="H21" s="11">
        <v>2590190</v>
      </c>
      <c r="I21" s="11">
        <v>27308518</v>
      </c>
      <c r="J21" s="11">
        <v>2506053</v>
      </c>
      <c r="K21" s="9"/>
    </row>
    <row r="22" spans="1:11" s="12" customFormat="1" ht="17.25" customHeight="1">
      <c r="A22" s="10" t="s">
        <v>31</v>
      </c>
      <c r="B22" s="11">
        <v>28608580</v>
      </c>
      <c r="C22" s="11">
        <v>2144322</v>
      </c>
      <c r="D22" s="11">
        <v>2218762</v>
      </c>
      <c r="E22" s="11">
        <v>170303</v>
      </c>
      <c r="F22" s="11">
        <v>2389065</v>
      </c>
      <c r="G22" s="11">
        <v>0</v>
      </c>
      <c r="H22" s="11">
        <v>2389065</v>
      </c>
      <c r="I22" s="11">
        <v>28534140</v>
      </c>
      <c r="J22" s="11">
        <v>659155</v>
      </c>
      <c r="K22" s="9"/>
    </row>
    <row r="23" spans="1:11" s="12" customFormat="1" ht="17.25" customHeight="1">
      <c r="A23" s="10" t="s">
        <v>32</v>
      </c>
      <c r="B23" s="11">
        <v>16632646</v>
      </c>
      <c r="C23" s="11">
        <v>1056200</v>
      </c>
      <c r="D23" s="11">
        <v>1386111</v>
      </c>
      <c r="E23" s="11">
        <v>104135</v>
      </c>
      <c r="F23" s="11">
        <v>1490246</v>
      </c>
      <c r="G23" s="11">
        <v>13522</v>
      </c>
      <c r="H23" s="11">
        <v>1476724</v>
      </c>
      <c r="I23" s="11">
        <v>16302735</v>
      </c>
      <c r="J23" s="11">
        <v>227864</v>
      </c>
      <c r="K23" s="9"/>
    </row>
    <row r="24" spans="1:11" ht="17.25" customHeight="1">
      <c r="A24" s="18" t="s">
        <v>33</v>
      </c>
      <c r="B24" s="19">
        <v>16683567</v>
      </c>
      <c r="C24" s="19">
        <v>2013786</v>
      </c>
      <c r="D24" s="19">
        <v>1902053</v>
      </c>
      <c r="E24" s="19">
        <v>101756</v>
      </c>
      <c r="F24" s="19">
        <v>2003809</v>
      </c>
      <c r="G24" s="19">
        <v>0</v>
      </c>
      <c r="H24" s="19">
        <v>2003809</v>
      </c>
      <c r="I24" s="19">
        <v>16795300</v>
      </c>
      <c r="J24" s="19">
        <v>1106288</v>
      </c>
    </row>
    <row r="25" spans="1:11" ht="17.25" customHeight="1">
      <c r="A25" s="10" t="s">
        <v>34</v>
      </c>
      <c r="B25" s="11">
        <v>5764673</v>
      </c>
      <c r="C25" s="11">
        <v>400000</v>
      </c>
      <c r="D25" s="11">
        <v>499508</v>
      </c>
      <c r="E25" s="11">
        <v>28534</v>
      </c>
      <c r="F25" s="11">
        <v>528042</v>
      </c>
      <c r="G25" s="11">
        <v>0</v>
      </c>
      <c r="H25" s="11">
        <v>528042</v>
      </c>
      <c r="I25" s="11">
        <v>5665165</v>
      </c>
      <c r="J25" s="11">
        <v>0</v>
      </c>
    </row>
    <row r="26" spans="1:11" s="12" customFormat="1" ht="17.25" customHeight="1">
      <c r="A26" s="10" t="s">
        <v>35</v>
      </c>
      <c r="B26" s="11">
        <v>7900845</v>
      </c>
      <c r="C26" s="11">
        <v>518500</v>
      </c>
      <c r="D26" s="11">
        <v>929060</v>
      </c>
      <c r="E26" s="11">
        <v>50927</v>
      </c>
      <c r="F26" s="11">
        <v>979987</v>
      </c>
      <c r="G26" s="11">
        <v>0</v>
      </c>
      <c r="H26" s="11">
        <v>979987</v>
      </c>
      <c r="I26" s="11">
        <v>7490285</v>
      </c>
      <c r="J26" s="11">
        <v>118792</v>
      </c>
      <c r="K26" s="9"/>
    </row>
    <row r="27" spans="1:11" s="12" customFormat="1" ht="17.25" customHeight="1">
      <c r="A27" s="10" t="s">
        <v>36</v>
      </c>
      <c r="B27" s="11">
        <v>7776663</v>
      </c>
      <c r="C27" s="11">
        <v>1085500</v>
      </c>
      <c r="D27" s="11">
        <v>598312</v>
      </c>
      <c r="E27" s="11">
        <v>39403</v>
      </c>
      <c r="F27" s="11">
        <v>637715</v>
      </c>
      <c r="G27" s="11">
        <v>703</v>
      </c>
      <c r="H27" s="11">
        <v>637012</v>
      </c>
      <c r="I27" s="11">
        <v>8263851</v>
      </c>
      <c r="J27" s="11">
        <v>666853</v>
      </c>
      <c r="K27" s="9"/>
    </row>
    <row r="28" spans="1:11" s="12" customFormat="1" ht="17.25" customHeight="1">
      <c r="A28" s="10" t="s">
        <v>37</v>
      </c>
      <c r="B28" s="11">
        <v>7104280</v>
      </c>
      <c r="C28" s="11">
        <v>1128600</v>
      </c>
      <c r="D28" s="11">
        <v>612993</v>
      </c>
      <c r="E28" s="11">
        <v>46372</v>
      </c>
      <c r="F28" s="11">
        <v>659365</v>
      </c>
      <c r="G28" s="11">
        <v>0</v>
      </c>
      <c r="H28" s="11">
        <v>659365</v>
      </c>
      <c r="I28" s="11">
        <v>7619887</v>
      </c>
      <c r="J28" s="11">
        <v>682104</v>
      </c>
      <c r="K28" s="9"/>
    </row>
    <row r="29" spans="1:11" s="12" customFormat="1" ht="17.25" customHeight="1">
      <c r="A29" s="10" t="s">
        <v>38</v>
      </c>
      <c r="B29" s="11">
        <v>420250</v>
      </c>
      <c r="C29" s="11">
        <v>33400</v>
      </c>
      <c r="D29" s="11">
        <v>58004</v>
      </c>
      <c r="E29" s="11">
        <v>3381</v>
      </c>
      <c r="F29" s="11">
        <v>61385</v>
      </c>
      <c r="G29" s="11">
        <v>0</v>
      </c>
      <c r="H29" s="11">
        <v>61385</v>
      </c>
      <c r="I29" s="11">
        <v>395646</v>
      </c>
      <c r="J29" s="11">
        <v>13949</v>
      </c>
      <c r="K29" s="9"/>
    </row>
    <row r="30" spans="1:11" s="12" customFormat="1" ht="17.25" customHeight="1">
      <c r="A30" s="10" t="s">
        <v>39</v>
      </c>
      <c r="B30" s="11">
        <v>2310854</v>
      </c>
      <c r="C30" s="11">
        <v>624000</v>
      </c>
      <c r="D30" s="11">
        <v>179059</v>
      </c>
      <c r="E30" s="11">
        <v>11241</v>
      </c>
      <c r="F30" s="11">
        <v>190300</v>
      </c>
      <c r="G30" s="11">
        <v>6289</v>
      </c>
      <c r="H30" s="11">
        <v>184011</v>
      </c>
      <c r="I30" s="11">
        <v>2755795</v>
      </c>
      <c r="J30" s="11">
        <v>101556</v>
      </c>
      <c r="K30" s="9"/>
    </row>
    <row r="31" spans="1:11" s="12" customFormat="1" ht="17.25" customHeight="1">
      <c r="A31" s="10" t="s">
        <v>40</v>
      </c>
      <c r="B31" s="11">
        <v>4285360</v>
      </c>
      <c r="C31" s="11">
        <v>493600</v>
      </c>
      <c r="D31" s="11">
        <v>323103</v>
      </c>
      <c r="E31" s="11">
        <v>26443</v>
      </c>
      <c r="F31" s="11">
        <v>349546</v>
      </c>
      <c r="G31" s="11">
        <v>0</v>
      </c>
      <c r="H31" s="11">
        <v>349546</v>
      </c>
      <c r="I31" s="11">
        <v>4455857</v>
      </c>
      <c r="J31" s="11">
        <v>11453</v>
      </c>
      <c r="K31" s="9"/>
    </row>
    <row r="32" spans="1:11" s="12" customFormat="1" ht="17.25" customHeight="1">
      <c r="A32" s="10" t="s">
        <v>41</v>
      </c>
      <c r="B32" s="11">
        <v>4448807</v>
      </c>
      <c r="C32" s="11">
        <v>362118</v>
      </c>
      <c r="D32" s="11">
        <v>389655</v>
      </c>
      <c r="E32" s="11">
        <v>25371</v>
      </c>
      <c r="F32" s="11">
        <v>415026</v>
      </c>
      <c r="G32" s="11">
        <v>1700</v>
      </c>
      <c r="H32" s="11">
        <v>413326</v>
      </c>
      <c r="I32" s="11">
        <v>4421270</v>
      </c>
      <c r="J32" s="11">
        <v>29409</v>
      </c>
      <c r="K32" s="9"/>
    </row>
    <row r="33" spans="1:11" s="12" customFormat="1" ht="17.25" customHeight="1">
      <c r="A33" s="10" t="s">
        <v>42</v>
      </c>
      <c r="B33" s="11">
        <v>5351002</v>
      </c>
      <c r="C33" s="11">
        <v>1761500</v>
      </c>
      <c r="D33" s="11">
        <v>405853</v>
      </c>
      <c r="E33" s="11">
        <v>44198</v>
      </c>
      <c r="F33" s="11">
        <v>450051</v>
      </c>
      <c r="G33" s="11">
        <v>0</v>
      </c>
      <c r="H33" s="11">
        <v>450051</v>
      </c>
      <c r="I33" s="11">
        <v>6706649</v>
      </c>
      <c r="J33" s="11">
        <v>132053</v>
      </c>
      <c r="K33" s="9"/>
    </row>
    <row r="34" spans="1:11" s="12" customFormat="1" ht="17.25" customHeight="1">
      <c r="A34" s="10" t="s">
        <v>43</v>
      </c>
      <c r="B34" s="11">
        <v>6968949</v>
      </c>
      <c r="C34" s="11">
        <v>1311500</v>
      </c>
      <c r="D34" s="11">
        <v>831069</v>
      </c>
      <c r="E34" s="11">
        <v>36762</v>
      </c>
      <c r="F34" s="11">
        <v>867831</v>
      </c>
      <c r="G34" s="11">
        <v>5354</v>
      </c>
      <c r="H34" s="11">
        <v>862477</v>
      </c>
      <c r="I34" s="11">
        <v>7449380</v>
      </c>
      <c r="J34" s="11">
        <v>2553</v>
      </c>
      <c r="K34" s="9"/>
    </row>
    <row r="35" spans="1:11" s="12" customFormat="1" ht="17.25" customHeight="1">
      <c r="A35" s="10" t="s">
        <v>44</v>
      </c>
      <c r="B35" s="11">
        <v>3234341</v>
      </c>
      <c r="C35" s="11">
        <v>547254</v>
      </c>
      <c r="D35" s="11">
        <v>300813</v>
      </c>
      <c r="E35" s="11">
        <v>25112</v>
      </c>
      <c r="F35" s="11">
        <v>325925</v>
      </c>
      <c r="G35" s="11">
        <v>5586</v>
      </c>
      <c r="H35" s="11">
        <v>320339</v>
      </c>
      <c r="I35" s="11">
        <v>3480782</v>
      </c>
      <c r="J35" s="11">
        <v>35943</v>
      </c>
      <c r="K35" s="9"/>
    </row>
    <row r="36" spans="1:11" s="12" customFormat="1" ht="17.25" customHeight="1">
      <c r="A36" s="10" t="s">
        <v>45</v>
      </c>
      <c r="B36" s="11">
        <v>9481392</v>
      </c>
      <c r="C36" s="11">
        <v>1154500</v>
      </c>
      <c r="D36" s="11">
        <v>602891</v>
      </c>
      <c r="E36" s="11">
        <v>51679</v>
      </c>
      <c r="F36" s="11">
        <v>654570</v>
      </c>
      <c r="G36" s="11">
        <v>0</v>
      </c>
      <c r="H36" s="11">
        <v>654570</v>
      </c>
      <c r="I36" s="11">
        <v>10033001</v>
      </c>
      <c r="J36" s="11">
        <v>239618</v>
      </c>
      <c r="K36" s="9"/>
    </row>
    <row r="37" spans="1:11" s="12" customFormat="1" ht="17.25" customHeight="1">
      <c r="A37" s="10" t="s">
        <v>46</v>
      </c>
      <c r="B37" s="11">
        <v>6783484</v>
      </c>
      <c r="C37" s="11">
        <v>389100</v>
      </c>
      <c r="D37" s="11">
        <v>581621</v>
      </c>
      <c r="E37" s="11">
        <v>43831</v>
      </c>
      <c r="F37" s="11">
        <v>625452</v>
      </c>
      <c r="G37" s="11">
        <v>11515</v>
      </c>
      <c r="H37" s="11">
        <v>613937</v>
      </c>
      <c r="I37" s="11">
        <v>6590963</v>
      </c>
      <c r="J37" s="11">
        <v>124612</v>
      </c>
      <c r="K37" s="9"/>
    </row>
    <row r="38" spans="1:11" ht="17.25" customHeight="1">
      <c r="A38" s="13" t="s">
        <v>47</v>
      </c>
      <c r="B38" s="14">
        <v>686830</v>
      </c>
      <c r="C38" s="14">
        <v>98500</v>
      </c>
      <c r="D38" s="14">
        <v>30408</v>
      </c>
      <c r="E38" s="14">
        <v>469</v>
      </c>
      <c r="F38" s="14">
        <v>30877</v>
      </c>
      <c r="G38" s="14">
        <v>0</v>
      </c>
      <c r="H38" s="14">
        <v>30877</v>
      </c>
      <c r="I38" s="14">
        <v>754922</v>
      </c>
      <c r="J38" s="14">
        <v>0</v>
      </c>
    </row>
    <row r="39" spans="1:11" ht="17.25" customHeight="1">
      <c r="A39" s="15" t="s">
        <v>48</v>
      </c>
      <c r="B39" s="16">
        <f>SUM(B6:B38)</f>
        <v>4300223962</v>
      </c>
      <c r="C39" s="16">
        <f t="shared" ref="C39:J39" si="0">SUM(C6:C38)</f>
        <v>357615195</v>
      </c>
      <c r="D39" s="16">
        <f t="shared" si="0"/>
        <v>333910879</v>
      </c>
      <c r="E39" s="16">
        <f t="shared" si="0"/>
        <v>45118173</v>
      </c>
      <c r="F39" s="16">
        <f t="shared" si="0"/>
        <v>379029052</v>
      </c>
      <c r="G39" s="16">
        <f t="shared" si="0"/>
        <v>27830639</v>
      </c>
      <c r="H39" s="16">
        <f t="shared" si="0"/>
        <v>351198413</v>
      </c>
      <c r="I39" s="16">
        <f t="shared" si="0"/>
        <v>4323928278</v>
      </c>
      <c r="J39" s="16">
        <f t="shared" si="0"/>
        <v>168804957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元年度市町村普通会計決算状況
　（４）地方債現在高［&amp;P/&amp;N］&amp;R&amp;"ＭＳ ゴシック,標準"&amp;10
（単位：千円）</oddHeader>
  </headerFooter>
  <colBreaks count="1" manualBreakCount="1">
    <brk id="8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4</vt:lpstr>
      <vt:lpstr>'14'!Print_Area</vt:lpstr>
      <vt:lpstr>'14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14T00:11:08Z</cp:lastPrinted>
  <dcterms:created xsi:type="dcterms:W3CDTF">2013-03-18T10:12:01Z</dcterms:created>
  <dcterms:modified xsi:type="dcterms:W3CDTF">2020-12-14T00:11:11Z</dcterms:modified>
</cp:coreProperties>
</file>